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05-68-2023 Dezinfekcia, deratizácia a dezinsekcia\03. Príprava\06. PT\01. Odoslanie PT\"/>
    </mc:Choice>
  </mc:AlternateContent>
  <bookViews>
    <workbookView xWindow="0" yWindow="0" windowWidth="28800" windowHeight="11700"/>
  </bookViews>
  <sheets>
    <sheet name="Hárok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8" i="1" l="1"/>
  <c r="F7" i="1"/>
  <c r="F6" i="1"/>
</calcChain>
</file>

<file path=xl/sharedStrings.xml><?xml version="1.0" encoding="utf-8"?>
<sst xmlns="http://schemas.openxmlformats.org/spreadsheetml/2006/main" count="130" uniqueCount="101">
  <si>
    <t>P.č.</t>
  </si>
  <si>
    <t>Názov položky predmetu zákazky</t>
  </si>
  <si>
    <t>MJ</t>
  </si>
  <si>
    <t>Predpokladaná plocha/ks MJ
na 24 mesiacov
(rozsah MJ)</t>
  </si>
  <si>
    <t>Predpokladaný počet zásahov 
(PZ)</t>
  </si>
  <si>
    <t xml:space="preserve">Celkový rozsah MJ na predpokladaný PZ
(celkový rozsah) </t>
  </si>
  <si>
    <t>Položka č. 1.1 - Chemická dezinfekcia ovzdušia aerosolom</t>
  </si>
  <si>
    <r>
      <t>m</t>
    </r>
    <r>
      <rPr>
        <vertAlign val="superscript"/>
        <sz val="10"/>
        <color theme="1"/>
        <rFont val="Arial"/>
        <family val="2"/>
        <charset val="238"/>
      </rPr>
      <t>3</t>
    </r>
  </si>
  <si>
    <t>-</t>
  </si>
  <si>
    <t>Položka č. 1.2 - Dezinfekcia vzduchotechnických jednotiek (VZT jednotka)</t>
  </si>
  <si>
    <t>ks</t>
  </si>
  <si>
    <t>2.</t>
  </si>
  <si>
    <t>Položka č. 2 - Dezinsekcia vnútorných a vonkajších priestorov</t>
  </si>
  <si>
    <r>
      <t>m</t>
    </r>
    <r>
      <rPr>
        <vertAlign val="superscript"/>
        <sz val="10"/>
        <color theme="1"/>
        <rFont val="Arial"/>
        <family val="2"/>
        <charset val="238"/>
      </rPr>
      <t>2</t>
    </r>
  </si>
  <si>
    <t>3.</t>
  </si>
  <si>
    <t>Položka č. 3 - Deratizácia priestorov</t>
  </si>
  <si>
    <t xml:space="preserve">Požadované minimálne technické vlastnosti, parametre a hodnoty predmetu zákazky
</t>
  </si>
  <si>
    <t>Predmetom zákazky je zabezpečenie služieb dezinfekcie, dezinsekcie a deratizácie (ďalej len „DDD“) v celom objekte verejného obstarávateľa. Predmet zákazky musí byť vykonávaný výlučne osobami odborne spôsobilými na túto činnosť a v súlade so zákonom č.355/2007 Z.z. o ochrane, podpore a rozvoja verejného zdravia a o zmene a doplnení niektorých zákonov, v súlade so zákonom č. 553/2007 Z. z., ktorou sa ustanovujú podrobnosti o požiadavkách na prevádzku zdravotníckych zariadení z hľadiska ochrany zdravia, v súlade s vyhláškou č. 585/2008 Z.z., ktorou sa ustanovujú podrobnosti o prevencii a kontrole prenosných ochorení, v súlade s nariadením vlády SR č. 355/2006 Z. z. o ochrane zamestnancov pred rizikami súvisiacimi s expozíciou chemickým faktorom pri práci v znení neskorších predpisov, v súlade so zákonom č. 67/2010 Z. z. o podmienkach uvedenia chemických látok a chemických zmesí na trh a o zmene a doplnení niektorých zákonov v znení neskorších predpisov. 
Výkon služby zberu, odvozu odpadu vrátane zneškodnenia a odstránenia/likvidácie vzniknutého odpadu ako dôsledku výkonu služieb, použitých prípravkov, obalov a uhynutých tiel zvierat ako dôsledok deratizácie musí byť vykonávaný podľa platnej právnej legislatívy SR a EÚ v kategórii nebezpečný odpad vo vzťahu k nebezpečnému odpadu živočíšneho pôvodu, ktorých zber a zneškodnenie podliehajú osobitným požiadavkám z hľadiska prevencie nákazy vedeného v Katalógu odpadov v súlade so zákonom č. 39/2007 Z. z. o veterinárnej starostlivosti v znení neskorších predpisov, zákonom č. 79/2015 Z.z. o odpadoch v znení neskorších predpisov a s vyhláškou MŽP SR č. 365/2015 Z. z., ktorou sa ustanovuje Katalóg odpadov v znení neskorších predpisov. 
Výkon služieb zberu, odvozu a likvidácie vzniknutého odpadu živočíšneho pôvodu ako dôsledku výkonu služieb je potrebné zabezpečovať v súlade s opatreniami v oblasti nakladania s odpadmi živočíšneho pôvodu, na predchádzanie vzniku a šíreniu prenosných ochorení. 
Predmet zákazky vrátane dopravných nákladov pozostáva z týchto položiek:</t>
  </si>
  <si>
    <t>Položka č.1.1 a č. 1.2 - Chemická dezinfekcia ovzdušia aerosolom a Dezinfekcia vzduchotechnických jednotiek (VZT jednotka)</t>
  </si>
  <si>
    <t>1.</t>
  </si>
  <si>
    <t>Jedná sa o vykonanie dezinfekčných služieb v priestoroch jednotlivých oddelení, boxov, JIS oddelení, operačných sál, izieb pacientov a iných špeciálnych pracovísk verejného obstarávateľa</t>
  </si>
  <si>
    <t>4.</t>
  </si>
  <si>
    <t>Predpokladaný počet vzduchotechnických jednotiek vrátane prívodných a odvodných potrubí: cca 33 kusov</t>
  </si>
  <si>
    <t>5.</t>
  </si>
  <si>
    <t xml:space="preserve">Predpokladaný počet zásahov na vzduchotechnických jednotkách (VZT jednotkách) vrátane prívodných a odvodných potrubí: cca 8x za 2 roky </t>
  </si>
  <si>
    <t>6.</t>
  </si>
  <si>
    <t>Požaduje sa zabezpečenie dezinfekcie komplexne,  vrátane dodania dezinfekčných materiálov a prípravkov</t>
  </si>
  <si>
    <t>7.</t>
  </si>
  <si>
    <t>Verejný obstarávateľ požaduje nástup na vykonanie dezinfekcie do 24 hodín po obdržaní telefonickej alebo e-mailovej požiadavky verejného obstarávateľa. Pri zaslaní požiadavky e-mailom začína lehota plynúť od doručenia požiadavky verejného obstarávateľa  na predom stanovený e-mail dodávateľa  (verifikácia prostredníctvom funkcie automatickej odpovede).</t>
  </si>
  <si>
    <t>8</t>
  </si>
  <si>
    <t>Verejný obstarávateľ požaduje pri vykonaní nepravidelnej dezinfekcie v prípade mimoriadných udalostí nástup na dezinfekciu do 1 hodiny po obdržaní telefonickej alebo e-mailovej požiadavky verejného obstarávateľa.  Pri zaslaní požiadavky e-mailom začína lehota plynúť od doručenia požiadavky verejného obstarávateľa  na predom stanovený e-mail  dodávateľa  (verifikácia prostredníctvom funkcie automatickej odpovede).</t>
  </si>
  <si>
    <t>9</t>
  </si>
  <si>
    <t>Verejný obstarávateľ požaduje, aby bola dodávateľom použitá iba taká chemická aerosolová dezinfekcia (chemosterilant), ktorá pôsobí na všetky mikroorganizmy vrátane vírusov a zároveň pôsobí priestorovo, povrchovo a aj vo vzduchotechnických jednotkách a súvisiacich potrubiach, vyústeniach a komorách klimatizačných jednotiek.</t>
  </si>
  <si>
    <t>10</t>
  </si>
  <si>
    <t>Verejný obstarávateľ požaduje, aby použitý dezinfekčný prípravok bol účinný na mykobaktérie, spóry, vírusy a musí byť batericidný, spricídny, fungicídny, virucídny a tuberkulocídny so sterilizačným efektom vzduchu.</t>
  </si>
  <si>
    <t>11</t>
  </si>
  <si>
    <t>Verejný obstarávateľ požaduje, aby dezinfekčný prípravok mal antikoróznu úpravu tak, aby bol použiteľný na dezinfekciu vzduchotechnických jednotiek vrátane prívodných a odvodných potrubí, boxov, prístrojov, JIS oddelení, operačných sál, izieb pacientov a iných špeciálnych pracovísk verejného obstarávateľa.</t>
  </si>
  <si>
    <t>12</t>
  </si>
  <si>
    <t>Verejný obstarávateľ požaduje, aby na vykonanie chemickej dezinfekcie bol použitý špeciálny prístroj s riadeným množstvom roztoku, s predhrievaním roztoku a reguláciou veľkosti kvapiek.</t>
  </si>
  <si>
    <t>13</t>
  </si>
  <si>
    <t>Požaduje sa, použiť na dezinfekciu vzduchotechnických jednotiek vrátane prívodných a odvodných potrubí dezinfekčný prípravok ako u dezinfekcie ovzdušia.</t>
  </si>
  <si>
    <t>Jedná sa o vykonanie dezinsekčných služieb v celom objekte verejného obstarávateľa (vo vnútri budov VÚSCH, a.s. ako aj na pozemku, na ktorom sú budovy postavené a ktoré sú vo výlučnom vlastníctve verejného obstarávateľa). Cieľom dezinsekčných služieb je prerušenie ciest pôvodcom nákaz od prameňa pôvodcov, ničenie epidemiologicky závažných alebo obťažujúcich článkonožcov, ničenie ich výskytu a udržanie ich stavu na prahu škodlivosti, a to formou preventívnej aj represívnej dezinsekcie. Dezinsekcia musí byť zabezpečená komplexne, vrátane dodania dezinsekčných materiálov, prípravkov a monitoringu. V prípade neúčinnosti vykonanej služby požaduje verejný obstarávateľ opakovanie dezinsekcie.</t>
  </si>
  <si>
    <r>
      <t>Predpokladaná plocha: cca 12 000 m</t>
    </r>
    <r>
      <rPr>
        <vertAlign val="superscript"/>
        <sz val="10"/>
        <rFont val="Arial"/>
        <family val="2"/>
        <charset val="238"/>
      </rPr>
      <t>2</t>
    </r>
  </si>
  <si>
    <t>Pravidelná dezinsekcia (predpokladaný počet zásahov):  8x za 2 roky</t>
  </si>
  <si>
    <t xml:space="preserve">Dodávateľ je povinný vykonať dezinsekciu : </t>
  </si>
  <si>
    <t>a)</t>
  </si>
  <si>
    <t>jarný termín: v mesiacoch marec až apríl príslušného kalendárneho roka</t>
  </si>
  <si>
    <t>b)</t>
  </si>
  <si>
    <t>jesenný termín: v mesiacoch  september  až október príslušného kalendárneho roka</t>
  </si>
  <si>
    <t>c)</t>
  </si>
  <si>
    <t>mimo uvedený termín v prípade požiadavky verejného obstarávateľa</t>
  </si>
  <si>
    <t>Verejný obstarávateľ požaduje opakovanie dezinsekcie v prípade neúčinnosti vykonanej služby</t>
  </si>
  <si>
    <t>Verejný obstarávateľ požaduje nástup na vykonanie dezinsekcie do 24 hodín po obdržaní telefonickej alebo e-mailovej požiadavky verejného obstarávateľa.Pri zaslaní požiadavky e-mailom začína lehota plynúť od doručenia požiadavky verejného obstarávateľa  na predom stanovený e-mail  dodávateľa  (verifikácia prostredníctvom funkcie automatickej odpovede).</t>
  </si>
  <si>
    <t>Verejný obstarávateľ požaduje pri vykonaní nepravidelnej dezinsekcie v prípade výskytu hmyzu nástup na dezinsekciu do 1 hodiny po obdržaní telefonickej alebo e-mailovej požiadavky verejného obstarávateľa.  Pri zaslaní požiadavky e-mailom začína lehota plynúť od doručenia požiadavky verejného obstarávateľa  na predom stanovený e-mail  dodávateľa  (verifikácia prostredníctvom funkcie automatickej odpovede).</t>
  </si>
  <si>
    <t>8.</t>
  </si>
  <si>
    <t>Verejný obstarávateľ požaduje aby priestory, v ktorých sa bude vykonávať dezinsekcia boli dodávateľom označené výstražnou tabuľou.</t>
  </si>
  <si>
    <t xml:space="preserve">Jedná sa o vykonanie deratizačných služieb v celom objekte verejného obstarávateľa (vo vnútri budov VÚSCH, a.s.). </t>
  </si>
  <si>
    <r>
      <t>Predpokladaná plocha: cca 6 400 m</t>
    </r>
    <r>
      <rPr>
        <vertAlign val="superscript"/>
        <sz val="10"/>
        <rFont val="Arial"/>
        <family val="2"/>
        <charset val="238"/>
      </rPr>
      <t>2</t>
    </r>
  </si>
  <si>
    <t>Pravidelná deratizácia (predpokladaný počet zásahov):  8x za 2 roky</t>
  </si>
  <si>
    <t>Verejný obstarávateľ požaduje deratizáciu zabezpečiť komplexne, vrátane dodania deratizačných materiálov a prípravkov a monitoringu.</t>
  </si>
  <si>
    <t>Verejný obstarávateľ požaduje v prípade neúčinnosti vykonanej služby opakovanie deratizácie doplnením nástrah a odstránenie vzniknutých odpadov po výkone služby (napr. zber a odvoz živočíšnych odpadov na likvidáciu a pod.)</t>
  </si>
  <si>
    <t xml:space="preserve">Dodávateľ je povinný vykonať deratizáciu : </t>
  </si>
  <si>
    <t>jesenný termín: v mesiacoch september až október príslušného kalendárneho roka</t>
  </si>
  <si>
    <t>Verejný obstarávateľ požaduje aby priestory, v ktorých sa bude vykonávať deratizácia boli dodávateľom označené výstražnou tabuľou</t>
  </si>
  <si>
    <t>Verejný obstarávateľ požaduje nástup na vykonanie deratizácie do 24 hodín po obdržaní telefonickej alebo e-mailovej požiadavky verejného obstarávateľa. Pri zaslaní požiadavky e-mailom začína lehota plynúť od doručenia požiadavky verejného obstarávateľa  na predom stanovený e-mail  dodávateľa  (verifikácia prostredníctvom funkcie automatickej odpovede).</t>
  </si>
  <si>
    <t>9.</t>
  </si>
  <si>
    <t>Verejný obstarávateľ požaduje pri vykonaní nepravidelnej deratizácie  v prípade mimoriadnej udalosti  nástup na deratizáciu do 1 hodiny po obdržaní telefonickej alebo e-mailovej požiadavky verejného obstarávateľa. Pri zaslaní požiadavky e-mailom začína lehota plynúť od doručenia požiadavky verejného obstarávateľa  na predom stanovený e-mail  dodávateľa  (verifikácia prostredníctvom funkcie automatickej odpovede).</t>
  </si>
  <si>
    <t>10.</t>
  </si>
  <si>
    <t>Verejný obstarávateľ požaduje pri výskyte uhynutých hlodavcov ich likvidáciu do 1 hodiny po obdržaní telefonickej požiadavky verejného obstarávateľa.</t>
  </si>
  <si>
    <t>Predpokladaný počet zásahov: cca 400 x / 2 roky</t>
  </si>
  <si>
    <r>
      <t>Predpokladaný objem: 400 000 m</t>
    </r>
    <r>
      <rPr>
        <vertAlign val="superscript"/>
        <sz val="10"/>
        <rFont val="Arial"/>
        <family val="2"/>
        <charset val="238"/>
      </rPr>
      <t>3</t>
    </r>
    <r>
      <rPr>
        <sz val="10"/>
        <rFont val="Arial"/>
        <family val="2"/>
        <charset val="238"/>
      </rPr>
      <t>/ 2 roky</t>
    </r>
  </si>
  <si>
    <t>Verejný obstarávateľ požaduje potvrdenie resp. rozhodnutie o zbere, skladovaní a preprave - zvoz vedľajších živočíšnych produktov materiálu kategórie 1 - uhynuté zvierata z deratizačnej činnosti a zaroveň schválenie prevádzkarne podľa Nariadenia Europského parlamentu a Rady ES č.1069/2009, ktorým sú stanovené zdravotné predpisy podľa COLC/CAD</t>
  </si>
  <si>
    <t>Verejný obstarávateľ požaduje predloženie potvrdenia s úradným číslom zo Štátnej vetrinárnej a potravinovej správy na činnosť zber a skladovanie vedľajších živočíšnych produktov kategórie 1 - uhynuté zvierata z deratizačnej činnosti.</t>
  </si>
  <si>
    <t>Verejný obstarávateľ požaduje aby predmetná činnosť bola zahrnutá v OR - zber, spracovanie a likvidácia odpadov, poskytovanie služieb súvisiacích s upratovaním, upratovacie služby.</t>
  </si>
  <si>
    <t>Verejný obstaravateľ požaduje aby vykonávateľ činnosti mal schválené priestory na uloženie uhynutých hlodavcov podľa zákona 39/2007 Z.z.</t>
  </si>
  <si>
    <t>11.</t>
  </si>
  <si>
    <t>12.</t>
  </si>
  <si>
    <t>13.</t>
  </si>
  <si>
    <t>14.</t>
  </si>
  <si>
    <t>15.</t>
  </si>
  <si>
    <t>Verejný obstaravateľ požaduje predloženie rozhodnutia RÚVZ podľa zákona č. 355/2007 na uvedenie - schválenie priestoru skladu kadáverov kategórie 1 - uhynuté zvieratá z deratizačnej činnosti podľa § 13 ods. 4 písm. a) zákona 355/2007 a § 46 a 47 zákona 71/1967 Zb. o správnom konaní v znení neskorších predpisov.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Oprávnená kontaktná osoba pre účely zasielania informácií týkajúcich sa predmetnej zákazky a overovanie správnosti v prílohách uvedených údajov:</t>
  </si>
  <si>
    <t>Meno, priezvisko, titul:</t>
  </si>
  <si>
    <t>Pracovná pozícia:</t>
  </si>
  <si>
    <t>Telefónne číslo:</t>
  </si>
  <si>
    <t>E-mail:</t>
  </si>
  <si>
    <t>Oprávnená kontaktná osoba pre účely plnenia zmluvy na predmetnú zákazku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Názov predmetu zákazky:</t>
  </si>
  <si>
    <t>Dezinfekcia, deratizácia a dezinsekcia</t>
  </si>
  <si>
    <t>TECHNICKÁ ŠPECIFIKÁCIA PREDMETU ZÁKAZK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10"/>
      <name val="Arial"/>
      <family val="2"/>
      <charset val="238"/>
    </font>
    <font>
      <vertAlign val="superscript"/>
      <sz val="10"/>
      <color theme="1"/>
      <name val="Arial"/>
      <family val="2"/>
      <charset val="238"/>
    </font>
    <font>
      <sz val="1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rgb="FF000000"/>
      <name val="Arial"/>
      <family val="2"/>
      <charset val="238"/>
    </font>
    <font>
      <vertAlign val="superscript"/>
      <sz val="10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000000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rgb="FF444444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37">
    <border>
      <left/>
      <right/>
      <top/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2">
    <xf numFmtId="0" fontId="0" fillId="0" borderId="0"/>
    <xf numFmtId="0" fontId="2" fillId="0" borderId="0"/>
  </cellStyleXfs>
  <cellXfs count="85">
    <xf numFmtId="0" fontId="0" fillId="0" borderId="0" xfId="0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 wrapText="1"/>
      <protection locked="0"/>
    </xf>
    <xf numFmtId="0" fontId="12" fillId="0" borderId="0" xfId="0" applyFont="1" applyAlignment="1" applyProtection="1">
      <alignment horizontal="left"/>
      <protection locked="0"/>
    </xf>
    <xf numFmtId="0" fontId="12" fillId="5" borderId="33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Border="1" applyAlignment="1" applyProtection="1">
      <alignment horizontal="right"/>
      <protection locked="0"/>
    </xf>
    <xf numFmtId="0" fontId="1" fillId="0" borderId="0" xfId="0" applyFont="1" applyProtection="1">
      <protection locked="0"/>
    </xf>
    <xf numFmtId="0" fontId="1" fillId="0" borderId="0" xfId="0" applyFont="1" applyBorder="1" applyProtection="1">
      <protection locked="0"/>
    </xf>
    <xf numFmtId="0" fontId="13" fillId="0" borderId="0" xfId="0" applyFont="1" applyProtection="1">
      <protection locked="0"/>
    </xf>
    <xf numFmtId="0" fontId="0" fillId="0" borderId="0" xfId="0" applyProtection="1">
      <protection locked="0"/>
    </xf>
    <xf numFmtId="0" fontId="0" fillId="0" borderId="0" xfId="0" applyBorder="1" applyProtection="1">
      <protection locked="0"/>
    </xf>
    <xf numFmtId="49" fontId="5" fillId="0" borderId="0" xfId="0" applyNumberFormat="1" applyFont="1" applyFill="1" applyAlignment="1" applyProtection="1">
      <alignment horizontal="left" vertical="center" wrapText="1"/>
      <protection locked="0"/>
    </xf>
    <xf numFmtId="49" fontId="5" fillId="0" borderId="0" xfId="0" applyNumberFormat="1" applyFont="1" applyFill="1" applyBorder="1" applyAlignment="1" applyProtection="1">
      <alignment horizontal="left" vertical="center" wrapText="1"/>
      <protection locked="0"/>
    </xf>
    <xf numFmtId="0" fontId="1" fillId="0" borderId="0" xfId="0" applyFont="1" applyFill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9" fillId="0" borderId="0" xfId="0" applyFont="1" applyProtection="1">
      <protection locked="0"/>
    </xf>
    <xf numFmtId="0" fontId="6" fillId="0" borderId="0" xfId="1" applyFont="1" applyAlignment="1" applyProtection="1">
      <alignment horizontal="left" vertical="center" wrapText="1"/>
      <protection locked="0"/>
    </xf>
    <xf numFmtId="0" fontId="1" fillId="2" borderId="1" xfId="0" applyFont="1" applyFill="1" applyBorder="1" applyAlignment="1" applyProtection="1">
      <alignment horizontal="left" vertical="top" wrapText="1"/>
    </xf>
    <xf numFmtId="0" fontId="1" fillId="2" borderId="2" xfId="0" applyFont="1" applyFill="1" applyBorder="1" applyAlignment="1" applyProtection="1">
      <alignment vertical="top" wrapText="1"/>
    </xf>
    <xf numFmtId="0" fontId="1" fillId="2" borderId="30" xfId="0" applyFont="1" applyFill="1" applyBorder="1" applyAlignment="1" applyProtection="1">
      <alignment horizontal="center" vertical="top" wrapText="1"/>
    </xf>
    <xf numFmtId="0" fontId="1" fillId="2" borderId="3" xfId="0" applyFont="1" applyFill="1" applyBorder="1" applyAlignment="1" applyProtection="1">
      <alignment horizontal="center" vertical="top" wrapText="1"/>
    </xf>
    <xf numFmtId="0" fontId="1" fillId="2" borderId="4" xfId="0" applyFont="1" applyFill="1" applyBorder="1" applyAlignment="1" applyProtection="1">
      <alignment horizontal="center" vertical="top" wrapText="1"/>
    </xf>
    <xf numFmtId="16" fontId="1" fillId="0" borderId="5" xfId="0" applyNumberFormat="1" applyFont="1" applyBorder="1" applyAlignment="1" applyProtection="1">
      <alignment horizontal="center" vertical="center" wrapText="1"/>
    </xf>
    <xf numFmtId="0" fontId="2" fillId="0" borderId="6" xfId="0" applyFont="1" applyBorder="1" applyAlignment="1" applyProtection="1">
      <alignment vertical="center" wrapText="1"/>
    </xf>
    <xf numFmtId="0" fontId="1" fillId="0" borderId="31" xfId="0" applyFont="1" applyFill="1" applyBorder="1" applyAlignment="1" applyProtection="1">
      <alignment horizontal="center" vertical="center" wrapText="1"/>
    </xf>
    <xf numFmtId="0" fontId="1" fillId="0" borderId="7" xfId="0" applyFont="1" applyFill="1" applyBorder="1" applyAlignment="1" applyProtection="1">
      <alignment horizontal="center" vertical="center" wrapText="1"/>
    </xf>
    <xf numFmtId="3" fontId="4" fillId="0" borderId="7" xfId="0" applyNumberFormat="1" applyFont="1" applyFill="1" applyBorder="1" applyAlignment="1" applyProtection="1">
      <alignment horizontal="center" vertical="center" wrapText="1"/>
    </xf>
    <xf numFmtId="3" fontId="4" fillId="0" borderId="8" xfId="0" applyNumberFormat="1" applyFont="1" applyFill="1" applyBorder="1" applyAlignment="1" applyProtection="1">
      <alignment horizontal="center" vertical="center" wrapText="1"/>
    </xf>
    <xf numFmtId="0" fontId="4" fillId="0" borderId="7" xfId="0" applyFont="1" applyFill="1" applyBorder="1" applyAlignment="1" applyProtection="1">
      <alignment horizontal="center" vertical="center" wrapText="1"/>
    </xf>
    <xf numFmtId="0" fontId="1" fillId="0" borderId="5" xfId="0" applyFont="1" applyBorder="1" applyAlignment="1" applyProtection="1">
      <alignment horizontal="center" vertical="center" wrapText="1"/>
    </xf>
    <xf numFmtId="3" fontId="1" fillId="0" borderId="7" xfId="0" applyNumberFormat="1" applyFont="1" applyFill="1" applyBorder="1" applyAlignment="1" applyProtection="1">
      <alignment horizontal="center" vertical="center" wrapText="1"/>
    </xf>
    <xf numFmtId="0" fontId="1" fillId="0" borderId="9" xfId="0" applyFont="1" applyBorder="1" applyAlignment="1" applyProtection="1">
      <alignment horizontal="center" vertical="center" wrapText="1"/>
    </xf>
    <xf numFmtId="0" fontId="2" fillId="0" borderId="10" xfId="0" applyFont="1" applyBorder="1" applyAlignment="1" applyProtection="1">
      <alignment vertical="center" wrapText="1"/>
    </xf>
    <xf numFmtId="0" fontId="1" fillId="0" borderId="32" xfId="0" applyFont="1" applyFill="1" applyBorder="1" applyAlignment="1" applyProtection="1">
      <alignment horizontal="center" vertical="center" wrapText="1"/>
    </xf>
    <xf numFmtId="3" fontId="1" fillId="0" borderId="11" xfId="0" applyNumberFormat="1" applyFont="1" applyFill="1" applyBorder="1" applyAlignment="1" applyProtection="1">
      <alignment horizontal="center" vertical="center" wrapText="1"/>
    </xf>
    <xf numFmtId="0" fontId="4" fillId="0" borderId="11" xfId="0" applyFont="1" applyFill="1" applyBorder="1" applyAlignment="1" applyProtection="1">
      <alignment horizontal="center" vertical="center" wrapText="1"/>
    </xf>
    <xf numFmtId="3" fontId="4" fillId="0" borderId="12" xfId="0" applyNumberFormat="1" applyFont="1" applyFill="1" applyBorder="1" applyAlignment="1" applyProtection="1">
      <alignment horizontal="center" vertical="center" wrapText="1"/>
    </xf>
    <xf numFmtId="49" fontId="7" fillId="0" borderId="22" xfId="0" applyNumberFormat="1" applyFont="1" applyBorder="1" applyAlignment="1" applyProtection="1">
      <alignment horizontal="center" vertical="center"/>
    </xf>
    <xf numFmtId="49" fontId="7" fillId="0" borderId="5" xfId="0" applyNumberFormat="1" applyFont="1" applyBorder="1" applyAlignment="1" applyProtection="1">
      <alignment horizontal="center" vertical="center"/>
    </xf>
    <xf numFmtId="49" fontId="7" fillId="0" borderId="24" xfId="0" applyNumberFormat="1" applyFont="1" applyBorder="1" applyAlignment="1" applyProtection="1">
      <alignment horizontal="center" vertical="center"/>
    </xf>
    <xf numFmtId="49" fontId="7" fillId="0" borderId="5" xfId="0" applyNumberFormat="1" applyFont="1" applyBorder="1" applyAlignment="1" applyProtection="1">
      <alignment horizontal="right" vertical="center"/>
    </xf>
    <xf numFmtId="49" fontId="7" fillId="0" borderId="9" xfId="0" applyNumberFormat="1" applyFont="1" applyBorder="1" applyAlignment="1" applyProtection="1">
      <alignment horizontal="center" vertical="center"/>
    </xf>
    <xf numFmtId="0" fontId="1" fillId="0" borderId="0" xfId="0" applyFont="1" applyAlignment="1" applyProtection="1">
      <alignment horizontal="right" wrapText="1"/>
      <protection locked="0"/>
    </xf>
    <xf numFmtId="0" fontId="12" fillId="0" borderId="0" xfId="0" applyFont="1" applyAlignment="1" applyProtection="1">
      <alignment horizontal="left"/>
      <protection locked="0"/>
    </xf>
    <xf numFmtId="0" fontId="5" fillId="0" borderId="34" xfId="0" applyFont="1" applyBorder="1" applyAlignment="1" applyProtection="1">
      <alignment horizontal="center" vertical="center" wrapText="1"/>
      <protection locked="0"/>
    </xf>
    <xf numFmtId="0" fontId="5" fillId="0" borderId="35" xfId="0" applyFont="1" applyBorder="1" applyAlignment="1" applyProtection="1">
      <alignment horizontal="center" vertical="center" wrapText="1"/>
      <protection locked="0"/>
    </xf>
    <xf numFmtId="0" fontId="5" fillId="0" borderId="36" xfId="0" applyFont="1" applyBorder="1" applyAlignment="1" applyProtection="1">
      <alignment horizontal="center" vertical="center" wrapText="1"/>
      <protection locked="0"/>
    </xf>
    <xf numFmtId="0" fontId="1" fillId="0" borderId="34" xfId="0" applyFont="1" applyBorder="1" applyAlignment="1" applyProtection="1">
      <alignment horizontal="center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0" fontId="1" fillId="0" borderId="36" xfId="0" applyFont="1" applyBorder="1" applyAlignment="1" applyProtection="1">
      <alignment horizontal="center" vertical="center" wrapText="1"/>
      <protection locked="0"/>
    </xf>
    <xf numFmtId="0" fontId="1" fillId="0" borderId="34" xfId="0" applyFont="1" applyBorder="1" applyAlignment="1" applyProtection="1">
      <alignment horizontal="center" wrapText="1"/>
      <protection locked="0"/>
    </xf>
    <xf numFmtId="0" fontId="1" fillId="0" borderId="36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49" fontId="10" fillId="0" borderId="0" xfId="0" applyNumberFormat="1" applyFont="1" applyFill="1" applyBorder="1" applyAlignment="1" applyProtection="1">
      <alignment horizontal="left" vertical="center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49" fontId="2" fillId="0" borderId="6" xfId="0" applyNumberFormat="1" applyFont="1" applyBorder="1" applyAlignment="1" applyProtection="1">
      <alignment horizontal="left" vertical="center" wrapText="1"/>
    </xf>
    <xf numFmtId="49" fontId="2" fillId="0" borderId="23" xfId="0" applyNumberFormat="1" applyFont="1" applyBorder="1" applyAlignment="1" applyProtection="1">
      <alignment horizontal="left" vertical="center" wrapText="1"/>
    </xf>
    <xf numFmtId="49" fontId="2" fillId="0" borderId="29" xfId="0" applyNumberFormat="1" applyFont="1" applyBorder="1" applyAlignment="1" applyProtection="1">
      <alignment horizontal="left" vertical="center" wrapText="1"/>
    </xf>
    <xf numFmtId="49" fontId="2" fillId="0" borderId="10" xfId="0" applyNumberFormat="1" applyFont="1" applyBorder="1" applyAlignment="1" applyProtection="1">
      <alignment horizontal="left" vertical="center" wrapText="1"/>
    </xf>
    <xf numFmtId="49" fontId="2" fillId="0" borderId="25" xfId="0" applyNumberFormat="1" applyFont="1" applyBorder="1" applyAlignment="1" applyProtection="1">
      <alignment horizontal="left" vertical="center" wrapText="1"/>
    </xf>
    <xf numFmtId="49" fontId="2" fillId="0" borderId="18" xfId="0" applyNumberFormat="1" applyFont="1" applyBorder="1" applyAlignment="1" applyProtection="1">
      <alignment horizontal="left" vertical="center" wrapText="1"/>
    </xf>
    <xf numFmtId="49" fontId="2" fillId="0" borderId="2" xfId="0" applyNumberFormat="1" applyFont="1" applyBorder="1" applyAlignment="1" applyProtection="1">
      <alignment horizontal="left" vertical="center" wrapText="1"/>
    </xf>
    <xf numFmtId="49" fontId="2" fillId="0" borderId="14" xfId="0" applyNumberFormat="1" applyFont="1" applyBorder="1" applyAlignment="1" applyProtection="1">
      <alignment horizontal="left" vertical="center" wrapText="1"/>
    </xf>
    <xf numFmtId="49" fontId="2" fillId="0" borderId="15" xfId="0" applyNumberFormat="1" applyFont="1" applyBorder="1" applyAlignment="1" applyProtection="1">
      <alignment horizontal="left" vertical="center" wrapText="1"/>
    </xf>
    <xf numFmtId="49" fontId="6" fillId="5" borderId="19" xfId="0" applyNumberFormat="1" applyFont="1" applyFill="1" applyBorder="1" applyAlignment="1" applyProtection="1">
      <alignment horizontal="left" vertical="center" wrapText="1"/>
    </xf>
    <xf numFmtId="49" fontId="6" fillId="5" borderId="20" xfId="0" applyNumberFormat="1" applyFont="1" applyFill="1" applyBorder="1" applyAlignment="1" applyProtection="1">
      <alignment horizontal="left" vertical="center" wrapText="1"/>
    </xf>
    <xf numFmtId="49" fontId="6" fillId="5" borderId="21" xfId="0" applyNumberFormat="1" applyFont="1" applyFill="1" applyBorder="1" applyAlignment="1" applyProtection="1">
      <alignment horizontal="left" vertical="center" wrapText="1"/>
    </xf>
    <xf numFmtId="0" fontId="5" fillId="3" borderId="0" xfId="0" applyFont="1" applyFill="1" applyAlignment="1" applyProtection="1">
      <alignment horizontal="center" vertical="center" wrapText="1"/>
      <protection locked="0"/>
    </xf>
    <xf numFmtId="49" fontId="5" fillId="4" borderId="13" xfId="0" applyNumberFormat="1" applyFont="1" applyFill="1" applyBorder="1" applyAlignment="1" applyProtection="1">
      <alignment horizontal="center" vertical="top" wrapText="1"/>
      <protection locked="0"/>
    </xf>
    <xf numFmtId="49" fontId="5" fillId="4" borderId="26" xfId="0" applyNumberFormat="1" applyFont="1" applyFill="1" applyBorder="1" applyAlignment="1" applyProtection="1">
      <alignment horizontal="center" vertical="top" wrapText="1"/>
      <protection locked="0"/>
    </xf>
    <xf numFmtId="49" fontId="5" fillId="4" borderId="27" xfId="0" applyNumberFormat="1" applyFont="1" applyFill="1" applyBorder="1" applyAlignment="1" applyProtection="1">
      <alignment horizontal="center" vertical="top" wrapText="1"/>
      <protection locked="0"/>
    </xf>
    <xf numFmtId="49" fontId="5" fillId="4" borderId="16" xfId="0" applyNumberFormat="1" applyFont="1" applyFill="1" applyBorder="1" applyAlignment="1" applyProtection="1">
      <alignment horizontal="center" vertical="top" wrapText="1"/>
      <protection locked="0"/>
    </xf>
    <xf numFmtId="49" fontId="5" fillId="4" borderId="17" xfId="0" applyNumberFormat="1" applyFont="1" applyFill="1" applyBorder="1" applyAlignment="1" applyProtection="1">
      <alignment horizontal="center" vertical="top" wrapText="1"/>
      <protection locked="0"/>
    </xf>
    <xf numFmtId="49" fontId="5" fillId="4" borderId="28" xfId="0" applyNumberFormat="1" applyFont="1" applyFill="1" applyBorder="1" applyAlignment="1" applyProtection="1">
      <alignment horizontal="center" vertical="top" wrapText="1"/>
      <protection locked="0"/>
    </xf>
    <xf numFmtId="49" fontId="1" fillId="0" borderId="19" xfId="0" applyNumberFormat="1" applyFont="1" applyFill="1" applyBorder="1" applyAlignment="1" applyProtection="1">
      <alignment horizontal="left" vertical="center" wrapText="1"/>
    </xf>
    <xf numFmtId="49" fontId="1" fillId="0" borderId="20" xfId="0" applyNumberFormat="1" applyFont="1" applyFill="1" applyBorder="1" applyAlignment="1" applyProtection="1">
      <alignment horizontal="left" vertical="center" wrapText="1"/>
    </xf>
    <xf numFmtId="49" fontId="1" fillId="0" borderId="21" xfId="0" applyNumberFormat="1" applyFont="1" applyFill="1" applyBorder="1" applyAlignment="1" applyProtection="1">
      <alignment horizontal="left" vertical="center" wrapText="1"/>
    </xf>
  </cellXfs>
  <cellStyles count="2">
    <cellStyle name="Normálna" xfId="0" builtinId="0"/>
    <cellStyle name="normálne 2 2" xfId="1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88"/>
  <sheetViews>
    <sheetView showGridLines="0" tabSelected="1" zoomScaleNormal="100" workbookViewId="0"/>
  </sheetViews>
  <sheetFormatPr defaultRowHeight="15" x14ac:dyDescent="0.25"/>
  <cols>
    <col min="1" max="1" width="10.42578125" style="14" customWidth="1"/>
    <col min="2" max="2" width="70.42578125" style="15" customWidth="1"/>
    <col min="3" max="5" width="15.5703125" style="14" customWidth="1"/>
    <col min="6" max="6" width="17.140625" style="14" customWidth="1"/>
    <col min="7" max="16384" width="9.140625" style="14"/>
  </cols>
  <sheetData>
    <row r="1" spans="1:6" s="11" customFormat="1" ht="12.75" x14ac:dyDescent="0.2">
      <c r="A1" s="11" t="s">
        <v>98</v>
      </c>
      <c r="B1" s="12"/>
    </row>
    <row r="2" spans="1:6" s="11" customFormat="1" ht="12.75" x14ac:dyDescent="0.2">
      <c r="A2" s="13" t="s">
        <v>99</v>
      </c>
      <c r="B2" s="12"/>
    </row>
    <row r="3" spans="1:6" ht="15.75" thickBot="1" x14ac:dyDescent="0.3"/>
    <row r="4" spans="1:6" ht="51" x14ac:dyDescent="0.25">
      <c r="A4" s="24" t="s">
        <v>0</v>
      </c>
      <c r="B4" s="25" t="s">
        <v>1</v>
      </c>
      <c r="C4" s="26" t="s">
        <v>2</v>
      </c>
      <c r="D4" s="27" t="s">
        <v>3</v>
      </c>
      <c r="E4" s="27" t="s">
        <v>4</v>
      </c>
      <c r="F4" s="28" t="s">
        <v>5</v>
      </c>
    </row>
    <row r="5" spans="1:6" x14ac:dyDescent="0.25">
      <c r="A5" s="29">
        <v>44197</v>
      </c>
      <c r="B5" s="30" t="s">
        <v>6</v>
      </c>
      <c r="C5" s="31" t="s">
        <v>7</v>
      </c>
      <c r="D5" s="32" t="s">
        <v>8</v>
      </c>
      <c r="E5" s="33">
        <v>400</v>
      </c>
      <c r="F5" s="34">
        <v>400000</v>
      </c>
    </row>
    <row r="6" spans="1:6" x14ac:dyDescent="0.25">
      <c r="A6" s="29">
        <v>44228</v>
      </c>
      <c r="B6" s="30" t="s">
        <v>9</v>
      </c>
      <c r="C6" s="31" t="s">
        <v>10</v>
      </c>
      <c r="D6" s="32">
        <v>33</v>
      </c>
      <c r="E6" s="35">
        <v>8</v>
      </c>
      <c r="F6" s="34">
        <f>E6*D6</f>
        <v>264</v>
      </c>
    </row>
    <row r="7" spans="1:6" x14ac:dyDescent="0.25">
      <c r="A7" s="36" t="s">
        <v>11</v>
      </c>
      <c r="B7" s="30" t="s">
        <v>12</v>
      </c>
      <c r="C7" s="31" t="s">
        <v>13</v>
      </c>
      <c r="D7" s="37">
        <v>12000</v>
      </c>
      <c r="E7" s="33">
        <v>8</v>
      </c>
      <c r="F7" s="34">
        <f t="shared" ref="F7:F8" si="0">E7*D7</f>
        <v>96000</v>
      </c>
    </row>
    <row r="8" spans="1:6" ht="15.75" thickBot="1" x14ac:dyDescent="0.3">
      <c r="A8" s="38" t="s">
        <v>14</v>
      </c>
      <c r="B8" s="39" t="s">
        <v>15</v>
      </c>
      <c r="C8" s="40" t="s">
        <v>13</v>
      </c>
      <c r="D8" s="41">
        <v>6400</v>
      </c>
      <c r="E8" s="42">
        <v>8</v>
      </c>
      <c r="F8" s="43">
        <f t="shared" si="0"/>
        <v>51200</v>
      </c>
    </row>
    <row r="9" spans="1:6" x14ac:dyDescent="0.25">
      <c r="A9" s="16"/>
      <c r="B9" s="17"/>
      <c r="C9" s="16"/>
      <c r="D9" s="16"/>
      <c r="E9" s="16"/>
      <c r="F9" s="18"/>
    </row>
    <row r="10" spans="1:6" x14ac:dyDescent="0.25">
      <c r="A10" s="75" t="s">
        <v>100</v>
      </c>
      <c r="B10" s="75"/>
      <c r="C10" s="75"/>
      <c r="D10" s="75"/>
      <c r="E10" s="75"/>
      <c r="F10" s="75"/>
    </row>
    <row r="11" spans="1:6" ht="15.75" thickBot="1" x14ac:dyDescent="0.3">
      <c r="A11" s="4"/>
      <c r="B11" s="19"/>
      <c r="C11" s="20"/>
      <c r="D11" s="20"/>
      <c r="E11" s="20"/>
      <c r="F11" s="21"/>
    </row>
    <row r="12" spans="1:6" ht="21" customHeight="1" thickBot="1" x14ac:dyDescent="0.3">
      <c r="A12" s="76" t="s">
        <v>16</v>
      </c>
      <c r="B12" s="77"/>
      <c r="C12" s="77"/>
      <c r="D12" s="77"/>
      <c r="E12" s="77"/>
      <c r="F12" s="78"/>
    </row>
    <row r="13" spans="1:6" ht="38.25" hidden="1" customHeight="1" thickBot="1" x14ac:dyDescent="0.3">
      <c r="A13" s="79"/>
      <c r="B13" s="80"/>
      <c r="C13" s="80"/>
      <c r="D13" s="80"/>
      <c r="E13" s="80"/>
      <c r="F13" s="81"/>
    </row>
    <row r="14" spans="1:6" ht="268.5" customHeight="1" thickBot="1" x14ac:dyDescent="0.3">
      <c r="A14" s="82" t="s">
        <v>17</v>
      </c>
      <c r="B14" s="83"/>
      <c r="C14" s="83"/>
      <c r="D14" s="83"/>
      <c r="E14" s="83"/>
      <c r="F14" s="84"/>
    </row>
    <row r="15" spans="1:6" ht="15.75" thickBot="1" x14ac:dyDescent="0.3">
      <c r="A15" s="72" t="s">
        <v>18</v>
      </c>
      <c r="B15" s="73"/>
      <c r="C15" s="73"/>
      <c r="D15" s="73"/>
      <c r="E15" s="73"/>
      <c r="F15" s="74"/>
    </row>
    <row r="16" spans="1:6" ht="38.25" customHeight="1" x14ac:dyDescent="0.25">
      <c r="A16" s="44" t="s">
        <v>19</v>
      </c>
      <c r="B16" s="69" t="s">
        <v>20</v>
      </c>
      <c r="C16" s="70"/>
      <c r="D16" s="70"/>
      <c r="E16" s="70"/>
      <c r="F16" s="71"/>
    </row>
    <row r="17" spans="1:6" x14ac:dyDescent="0.25">
      <c r="A17" s="45" t="s">
        <v>11</v>
      </c>
      <c r="B17" s="63" t="s">
        <v>70</v>
      </c>
      <c r="C17" s="64"/>
      <c r="D17" s="64"/>
      <c r="E17" s="64"/>
      <c r="F17" s="65"/>
    </row>
    <row r="18" spans="1:6" x14ac:dyDescent="0.25">
      <c r="A18" s="45" t="s">
        <v>14</v>
      </c>
      <c r="B18" s="63" t="s">
        <v>69</v>
      </c>
      <c r="C18" s="64"/>
      <c r="D18" s="64"/>
      <c r="E18" s="64"/>
      <c r="F18" s="65"/>
    </row>
    <row r="19" spans="1:6" ht="25.5" customHeight="1" x14ac:dyDescent="0.25">
      <c r="A19" s="45" t="s">
        <v>21</v>
      </c>
      <c r="B19" s="63" t="s">
        <v>22</v>
      </c>
      <c r="C19" s="64"/>
      <c r="D19" s="64"/>
      <c r="E19" s="64"/>
      <c r="F19" s="65"/>
    </row>
    <row r="20" spans="1:6" ht="25.5" customHeight="1" x14ac:dyDescent="0.25">
      <c r="A20" s="45" t="s">
        <v>23</v>
      </c>
      <c r="B20" s="63" t="s">
        <v>24</v>
      </c>
      <c r="C20" s="64"/>
      <c r="D20" s="64"/>
      <c r="E20" s="64"/>
      <c r="F20" s="65"/>
    </row>
    <row r="21" spans="1:6" ht="25.5" customHeight="1" x14ac:dyDescent="0.25">
      <c r="A21" s="45" t="s">
        <v>25</v>
      </c>
      <c r="B21" s="63" t="s">
        <v>26</v>
      </c>
      <c r="C21" s="64"/>
      <c r="D21" s="64"/>
      <c r="E21" s="64"/>
      <c r="F21" s="65"/>
    </row>
    <row r="22" spans="1:6" ht="55.5" customHeight="1" x14ac:dyDescent="0.25">
      <c r="A22" s="45" t="s">
        <v>27</v>
      </c>
      <c r="B22" s="63" t="s">
        <v>28</v>
      </c>
      <c r="C22" s="64"/>
      <c r="D22" s="64"/>
      <c r="E22" s="64"/>
      <c r="F22" s="65"/>
    </row>
    <row r="23" spans="1:6" ht="58.5" customHeight="1" x14ac:dyDescent="0.25">
      <c r="A23" s="45" t="s">
        <v>29</v>
      </c>
      <c r="B23" s="63" t="s">
        <v>30</v>
      </c>
      <c r="C23" s="64"/>
      <c r="D23" s="64"/>
      <c r="E23" s="64"/>
      <c r="F23" s="65"/>
    </row>
    <row r="24" spans="1:6" ht="50.25" customHeight="1" x14ac:dyDescent="0.25">
      <c r="A24" s="45" t="s">
        <v>31</v>
      </c>
      <c r="B24" s="63" t="s">
        <v>32</v>
      </c>
      <c r="C24" s="64"/>
      <c r="D24" s="64"/>
      <c r="E24" s="64"/>
      <c r="F24" s="65"/>
    </row>
    <row r="25" spans="1:6" ht="38.25" customHeight="1" x14ac:dyDescent="0.25">
      <c r="A25" s="45" t="s">
        <v>33</v>
      </c>
      <c r="B25" s="63" t="s">
        <v>34</v>
      </c>
      <c r="C25" s="64"/>
      <c r="D25" s="64"/>
      <c r="E25" s="64"/>
      <c r="F25" s="65"/>
    </row>
    <row r="26" spans="1:6" ht="51" customHeight="1" x14ac:dyDescent="0.25">
      <c r="A26" s="45" t="s">
        <v>35</v>
      </c>
      <c r="B26" s="63" t="s">
        <v>36</v>
      </c>
      <c r="C26" s="64"/>
      <c r="D26" s="64"/>
      <c r="E26" s="64"/>
      <c r="F26" s="65"/>
    </row>
    <row r="27" spans="1:6" ht="38.25" customHeight="1" x14ac:dyDescent="0.25">
      <c r="A27" s="45" t="s">
        <v>37</v>
      </c>
      <c r="B27" s="63" t="s">
        <v>38</v>
      </c>
      <c r="C27" s="64"/>
      <c r="D27" s="64"/>
      <c r="E27" s="64"/>
      <c r="F27" s="65"/>
    </row>
    <row r="28" spans="1:6" ht="26.25" customHeight="1" thickBot="1" x14ac:dyDescent="0.3">
      <c r="A28" s="46" t="s">
        <v>39</v>
      </c>
      <c r="B28" s="66" t="s">
        <v>40</v>
      </c>
      <c r="C28" s="67"/>
      <c r="D28" s="67"/>
      <c r="E28" s="67"/>
      <c r="F28" s="68"/>
    </row>
    <row r="29" spans="1:6" ht="15.75" thickBot="1" x14ac:dyDescent="0.3">
      <c r="A29" s="72" t="s">
        <v>12</v>
      </c>
      <c r="B29" s="73"/>
      <c r="C29" s="73"/>
      <c r="D29" s="73"/>
      <c r="E29" s="73"/>
      <c r="F29" s="74"/>
    </row>
    <row r="30" spans="1:6" ht="86.25" customHeight="1" x14ac:dyDescent="0.25">
      <c r="A30" s="44" t="s">
        <v>19</v>
      </c>
      <c r="B30" s="69" t="s">
        <v>41</v>
      </c>
      <c r="C30" s="70"/>
      <c r="D30" s="70"/>
      <c r="E30" s="70"/>
      <c r="F30" s="71"/>
    </row>
    <row r="31" spans="1:6" x14ac:dyDescent="0.25">
      <c r="A31" s="45" t="s">
        <v>11</v>
      </c>
      <c r="B31" s="63" t="s">
        <v>42</v>
      </c>
      <c r="C31" s="64"/>
      <c r="D31" s="64"/>
      <c r="E31" s="64"/>
      <c r="F31" s="65"/>
    </row>
    <row r="32" spans="1:6" x14ac:dyDescent="0.25">
      <c r="A32" s="45" t="s">
        <v>14</v>
      </c>
      <c r="B32" s="63" t="s">
        <v>43</v>
      </c>
      <c r="C32" s="64"/>
      <c r="D32" s="64"/>
      <c r="E32" s="64"/>
      <c r="F32" s="65"/>
    </row>
    <row r="33" spans="1:6" x14ac:dyDescent="0.25">
      <c r="A33" s="45" t="s">
        <v>21</v>
      </c>
      <c r="B33" s="63" t="s">
        <v>44</v>
      </c>
      <c r="C33" s="64"/>
      <c r="D33" s="64"/>
      <c r="E33" s="64"/>
      <c r="F33" s="65"/>
    </row>
    <row r="34" spans="1:6" x14ac:dyDescent="0.25">
      <c r="A34" s="47" t="s">
        <v>45</v>
      </c>
      <c r="B34" s="63" t="s">
        <v>46</v>
      </c>
      <c r="C34" s="64"/>
      <c r="D34" s="64"/>
      <c r="E34" s="64"/>
      <c r="F34" s="65"/>
    </row>
    <row r="35" spans="1:6" ht="25.5" customHeight="1" x14ac:dyDescent="0.25">
      <c r="A35" s="47" t="s">
        <v>47</v>
      </c>
      <c r="B35" s="63" t="s">
        <v>48</v>
      </c>
      <c r="C35" s="64"/>
      <c r="D35" s="64"/>
      <c r="E35" s="64"/>
      <c r="F35" s="65"/>
    </row>
    <row r="36" spans="1:6" x14ac:dyDescent="0.25">
      <c r="A36" s="47" t="s">
        <v>49</v>
      </c>
      <c r="B36" s="63" t="s">
        <v>50</v>
      </c>
      <c r="C36" s="64"/>
      <c r="D36" s="64"/>
      <c r="E36" s="64"/>
      <c r="F36" s="65"/>
    </row>
    <row r="37" spans="1:6" ht="25.5" customHeight="1" x14ac:dyDescent="0.25">
      <c r="A37" s="45" t="s">
        <v>23</v>
      </c>
      <c r="B37" s="63" t="s">
        <v>51</v>
      </c>
      <c r="C37" s="64"/>
      <c r="D37" s="64"/>
      <c r="E37" s="64"/>
      <c r="F37" s="65"/>
    </row>
    <row r="38" spans="1:6" ht="42.75" customHeight="1" x14ac:dyDescent="0.25">
      <c r="A38" s="45" t="s">
        <v>25</v>
      </c>
      <c r="B38" s="63" t="s">
        <v>52</v>
      </c>
      <c r="C38" s="64"/>
      <c r="D38" s="64"/>
      <c r="E38" s="64"/>
      <c r="F38" s="65"/>
    </row>
    <row r="39" spans="1:6" ht="54" customHeight="1" x14ac:dyDescent="0.25">
      <c r="A39" s="45" t="s">
        <v>27</v>
      </c>
      <c r="B39" s="63" t="s">
        <v>53</v>
      </c>
      <c r="C39" s="64"/>
      <c r="D39" s="64"/>
      <c r="E39" s="64"/>
      <c r="F39" s="65"/>
    </row>
    <row r="40" spans="1:6" ht="26.25" customHeight="1" thickBot="1" x14ac:dyDescent="0.3">
      <c r="A40" s="46" t="s">
        <v>54</v>
      </c>
      <c r="B40" s="66" t="s">
        <v>55</v>
      </c>
      <c r="C40" s="67"/>
      <c r="D40" s="67"/>
      <c r="E40" s="67"/>
      <c r="F40" s="68"/>
    </row>
    <row r="41" spans="1:6" ht="15.75" thickBot="1" x14ac:dyDescent="0.3">
      <c r="A41" s="72" t="s">
        <v>15</v>
      </c>
      <c r="B41" s="73"/>
      <c r="C41" s="73"/>
      <c r="D41" s="73"/>
      <c r="E41" s="73"/>
      <c r="F41" s="74"/>
    </row>
    <row r="42" spans="1:6" ht="25.5" customHeight="1" x14ac:dyDescent="0.25">
      <c r="A42" s="44" t="s">
        <v>19</v>
      </c>
      <c r="B42" s="69" t="s">
        <v>56</v>
      </c>
      <c r="C42" s="70"/>
      <c r="D42" s="70"/>
      <c r="E42" s="70"/>
      <c r="F42" s="71"/>
    </row>
    <row r="43" spans="1:6" x14ac:dyDescent="0.25">
      <c r="A43" s="45" t="s">
        <v>11</v>
      </c>
      <c r="B43" s="63" t="s">
        <v>57</v>
      </c>
      <c r="C43" s="64"/>
      <c r="D43" s="64"/>
      <c r="E43" s="64"/>
      <c r="F43" s="65"/>
    </row>
    <row r="44" spans="1:6" x14ac:dyDescent="0.25">
      <c r="A44" s="45" t="s">
        <v>14</v>
      </c>
      <c r="B44" s="63" t="s">
        <v>58</v>
      </c>
      <c r="C44" s="64"/>
      <c r="D44" s="64"/>
      <c r="E44" s="64"/>
      <c r="F44" s="65"/>
    </row>
    <row r="45" spans="1:6" ht="25.5" customHeight="1" x14ac:dyDescent="0.25">
      <c r="A45" s="45" t="s">
        <v>21</v>
      </c>
      <c r="B45" s="63" t="s">
        <v>59</v>
      </c>
      <c r="C45" s="64"/>
      <c r="D45" s="64"/>
      <c r="E45" s="64"/>
      <c r="F45" s="65"/>
    </row>
    <row r="46" spans="1:6" ht="38.25" customHeight="1" x14ac:dyDescent="0.25">
      <c r="A46" s="45" t="s">
        <v>23</v>
      </c>
      <c r="B46" s="63" t="s">
        <v>60</v>
      </c>
      <c r="C46" s="64"/>
      <c r="D46" s="64"/>
      <c r="E46" s="64"/>
      <c r="F46" s="65"/>
    </row>
    <row r="47" spans="1:6" ht="63" customHeight="1" x14ac:dyDescent="0.25">
      <c r="A47" s="45" t="s">
        <v>25</v>
      </c>
      <c r="B47" s="63" t="s">
        <v>71</v>
      </c>
      <c r="C47" s="64"/>
      <c r="D47" s="64"/>
      <c r="E47" s="64"/>
      <c r="F47" s="65"/>
    </row>
    <row r="48" spans="1:6" ht="39.75" customHeight="1" x14ac:dyDescent="0.25">
      <c r="A48" s="45" t="s">
        <v>27</v>
      </c>
      <c r="B48" s="63" t="s">
        <v>72</v>
      </c>
      <c r="C48" s="64"/>
      <c r="D48" s="64"/>
      <c r="E48" s="64"/>
      <c r="F48" s="65"/>
    </row>
    <row r="49" spans="1:6" ht="39.75" customHeight="1" x14ac:dyDescent="0.25">
      <c r="A49" s="45" t="s">
        <v>54</v>
      </c>
      <c r="B49" s="63" t="s">
        <v>73</v>
      </c>
      <c r="C49" s="64"/>
      <c r="D49" s="64"/>
      <c r="E49" s="64"/>
      <c r="F49" s="65"/>
    </row>
    <row r="50" spans="1:6" ht="28.5" customHeight="1" x14ac:dyDescent="0.25">
      <c r="A50" s="45" t="s">
        <v>65</v>
      </c>
      <c r="B50" s="63" t="s">
        <v>74</v>
      </c>
      <c r="C50" s="64"/>
      <c r="D50" s="64"/>
      <c r="E50" s="64"/>
      <c r="F50" s="65"/>
    </row>
    <row r="51" spans="1:6" ht="39.75" customHeight="1" x14ac:dyDescent="0.25">
      <c r="A51" s="45" t="s">
        <v>67</v>
      </c>
      <c r="B51" s="63" t="s">
        <v>80</v>
      </c>
      <c r="C51" s="64"/>
      <c r="D51" s="64"/>
      <c r="E51" s="64"/>
      <c r="F51" s="65"/>
    </row>
    <row r="52" spans="1:6" x14ac:dyDescent="0.25">
      <c r="A52" s="45" t="s">
        <v>75</v>
      </c>
      <c r="B52" s="63" t="s">
        <v>61</v>
      </c>
      <c r="C52" s="64"/>
      <c r="D52" s="64"/>
      <c r="E52" s="64"/>
      <c r="F52" s="65"/>
    </row>
    <row r="53" spans="1:6" x14ac:dyDescent="0.25">
      <c r="A53" s="47" t="s">
        <v>45</v>
      </c>
      <c r="B53" s="63" t="s">
        <v>46</v>
      </c>
      <c r="C53" s="64"/>
      <c r="D53" s="64"/>
      <c r="E53" s="64"/>
      <c r="F53" s="65"/>
    </row>
    <row r="54" spans="1:6" ht="25.5" customHeight="1" x14ac:dyDescent="0.25">
      <c r="A54" s="47" t="s">
        <v>47</v>
      </c>
      <c r="B54" s="63" t="s">
        <v>62</v>
      </c>
      <c r="C54" s="64"/>
      <c r="D54" s="64"/>
      <c r="E54" s="64"/>
      <c r="F54" s="65"/>
    </row>
    <row r="55" spans="1:6" x14ac:dyDescent="0.25">
      <c r="A55" s="47" t="s">
        <v>49</v>
      </c>
      <c r="B55" s="63" t="s">
        <v>50</v>
      </c>
      <c r="C55" s="64"/>
      <c r="D55" s="64"/>
      <c r="E55" s="64"/>
      <c r="F55" s="65"/>
    </row>
    <row r="56" spans="1:6" ht="25.5" customHeight="1" x14ac:dyDescent="0.25">
      <c r="A56" s="45" t="s">
        <v>76</v>
      </c>
      <c r="B56" s="63" t="s">
        <v>63</v>
      </c>
      <c r="C56" s="64"/>
      <c r="D56" s="64"/>
      <c r="E56" s="64"/>
      <c r="F56" s="65"/>
    </row>
    <row r="57" spans="1:6" ht="45" customHeight="1" x14ac:dyDescent="0.25">
      <c r="A57" s="45" t="s">
        <v>77</v>
      </c>
      <c r="B57" s="63" t="s">
        <v>64</v>
      </c>
      <c r="C57" s="64"/>
      <c r="D57" s="64"/>
      <c r="E57" s="64"/>
      <c r="F57" s="65"/>
    </row>
    <row r="58" spans="1:6" ht="60.75" customHeight="1" x14ac:dyDescent="0.25">
      <c r="A58" s="45" t="s">
        <v>78</v>
      </c>
      <c r="B58" s="63" t="s">
        <v>66</v>
      </c>
      <c r="C58" s="64"/>
      <c r="D58" s="64"/>
      <c r="E58" s="64"/>
      <c r="F58" s="65"/>
    </row>
    <row r="59" spans="1:6" ht="26.25" customHeight="1" thickBot="1" x14ac:dyDescent="0.3">
      <c r="A59" s="48" t="s">
        <v>79</v>
      </c>
      <c r="B59" s="66" t="s">
        <v>68</v>
      </c>
      <c r="C59" s="67"/>
      <c r="D59" s="67"/>
      <c r="E59" s="67"/>
      <c r="F59" s="68"/>
    </row>
    <row r="61" spans="1:6" s="22" customFormat="1" x14ac:dyDescent="0.25">
      <c r="A61" s="61" t="s">
        <v>81</v>
      </c>
      <c r="B61" s="61"/>
      <c r="C61" s="61"/>
      <c r="D61" s="61"/>
      <c r="E61" s="61"/>
      <c r="F61" s="61"/>
    </row>
    <row r="63" spans="1:6" s="3" customFormat="1" ht="22.5" customHeight="1" x14ac:dyDescent="0.25">
      <c r="A63" s="23"/>
      <c r="B63" s="23"/>
      <c r="C63" s="23"/>
      <c r="D63" s="23"/>
    </row>
    <row r="64" spans="1:6" s="3" customFormat="1" ht="20.100000000000001" customHeight="1" x14ac:dyDescent="0.25">
      <c r="A64" s="62" t="s">
        <v>82</v>
      </c>
      <c r="B64" s="62"/>
      <c r="C64" s="51"/>
      <c r="D64" s="52"/>
      <c r="E64" s="53"/>
    </row>
    <row r="65" spans="1:5" s="3" customFormat="1" ht="20.100000000000001" customHeight="1" x14ac:dyDescent="0.25">
      <c r="A65" s="59" t="s">
        <v>83</v>
      </c>
      <c r="B65" s="59"/>
      <c r="C65" s="54"/>
      <c r="D65" s="55"/>
      <c r="E65" s="56"/>
    </row>
    <row r="66" spans="1:5" s="3" customFormat="1" ht="20.100000000000001" customHeight="1" x14ac:dyDescent="0.25">
      <c r="A66" s="59" t="s">
        <v>84</v>
      </c>
      <c r="B66" s="59"/>
      <c r="C66" s="54"/>
      <c r="D66" s="55"/>
      <c r="E66" s="56"/>
    </row>
    <row r="67" spans="1:5" s="3" customFormat="1" ht="20.100000000000001" customHeight="1" x14ac:dyDescent="0.25">
      <c r="A67" s="59" t="s">
        <v>85</v>
      </c>
      <c r="B67" s="59"/>
      <c r="C67" s="54"/>
      <c r="D67" s="55"/>
      <c r="E67" s="56"/>
    </row>
    <row r="68" spans="1:5" s="3" customFormat="1" x14ac:dyDescent="0.25">
      <c r="A68" s="1"/>
      <c r="B68" s="1"/>
      <c r="C68" s="1"/>
      <c r="D68" s="2"/>
    </row>
    <row r="69" spans="1:5" s="3" customFormat="1" ht="7.5" customHeight="1" x14ac:dyDescent="0.25">
      <c r="A69" s="1"/>
      <c r="B69" s="1"/>
      <c r="C69" s="1"/>
      <c r="D69" s="2"/>
    </row>
    <row r="70" spans="1:5" s="3" customFormat="1" ht="33" customHeight="1" x14ac:dyDescent="0.25">
      <c r="A70" s="60" t="s">
        <v>86</v>
      </c>
      <c r="B70" s="60"/>
      <c r="C70" s="60"/>
      <c r="D70" s="60"/>
    </row>
    <row r="71" spans="1:5" s="3" customFormat="1" x14ac:dyDescent="0.25">
      <c r="A71" s="59" t="s">
        <v>87</v>
      </c>
      <c r="B71" s="59"/>
      <c r="C71" s="54"/>
      <c r="D71" s="55"/>
      <c r="E71" s="56"/>
    </row>
    <row r="72" spans="1:5" s="3" customFormat="1" ht="24.95" customHeight="1" x14ac:dyDescent="0.25">
      <c r="A72" s="59" t="s">
        <v>88</v>
      </c>
      <c r="B72" s="59"/>
      <c r="C72" s="54"/>
      <c r="D72" s="55"/>
      <c r="E72" s="56"/>
    </row>
    <row r="73" spans="1:5" s="3" customFormat="1" x14ac:dyDescent="0.25">
      <c r="A73" s="59" t="s">
        <v>89</v>
      </c>
      <c r="B73" s="59"/>
      <c r="C73" s="54"/>
      <c r="D73" s="55"/>
      <c r="E73" s="56"/>
    </row>
    <row r="74" spans="1:5" s="3" customFormat="1" x14ac:dyDescent="0.25">
      <c r="A74" s="59" t="s">
        <v>90</v>
      </c>
      <c r="B74" s="59"/>
      <c r="C74" s="54"/>
      <c r="D74" s="55"/>
      <c r="E74" s="56"/>
    </row>
    <row r="75" spans="1:5" s="3" customFormat="1" ht="21" customHeight="1" x14ac:dyDescent="0.25">
      <c r="A75" s="4"/>
      <c r="B75" s="4"/>
      <c r="C75" s="2"/>
      <c r="D75" s="2"/>
    </row>
    <row r="76" spans="1:5" s="3" customFormat="1" ht="15" customHeight="1" x14ac:dyDescent="0.25">
      <c r="A76" s="60" t="s">
        <v>91</v>
      </c>
      <c r="B76" s="60"/>
      <c r="C76" s="60"/>
      <c r="D76" s="60"/>
    </row>
    <row r="77" spans="1:5" s="3" customFormat="1" ht="15" customHeight="1" x14ac:dyDescent="0.25">
      <c r="A77" s="59" t="s">
        <v>87</v>
      </c>
      <c r="B77" s="59"/>
      <c r="C77" s="54"/>
      <c r="D77" s="55"/>
      <c r="E77" s="56"/>
    </row>
    <row r="78" spans="1:5" s="3" customFormat="1" x14ac:dyDescent="0.25">
      <c r="A78" s="59" t="s">
        <v>88</v>
      </c>
      <c r="B78" s="59"/>
      <c r="C78" s="54"/>
      <c r="D78" s="55"/>
      <c r="E78" s="56"/>
    </row>
    <row r="79" spans="1:5" s="3" customFormat="1" ht="15" customHeight="1" x14ac:dyDescent="0.25">
      <c r="A79" s="59" t="s">
        <v>89</v>
      </c>
      <c r="B79" s="59"/>
      <c r="C79" s="54"/>
      <c r="D79" s="55"/>
      <c r="E79" s="56"/>
    </row>
    <row r="80" spans="1:5" s="3" customFormat="1" ht="15" customHeight="1" x14ac:dyDescent="0.25">
      <c r="A80" s="59" t="s">
        <v>90</v>
      </c>
      <c r="B80" s="59"/>
      <c r="C80" s="54"/>
      <c r="D80" s="55"/>
      <c r="E80" s="56"/>
    </row>
    <row r="81" spans="1:5" s="3" customFormat="1" x14ac:dyDescent="0.25">
      <c r="A81" s="1"/>
      <c r="B81" s="1"/>
      <c r="C81" s="1"/>
      <c r="D81" s="2"/>
    </row>
    <row r="82" spans="1:5" s="3" customFormat="1" x14ac:dyDescent="0.25">
      <c r="A82" s="1" t="s">
        <v>92</v>
      </c>
      <c r="B82" s="1"/>
      <c r="C82" s="2"/>
      <c r="D82" s="2"/>
    </row>
    <row r="83" spans="1:5" s="3" customFormat="1" x14ac:dyDescent="0.25">
      <c r="A83" s="1" t="s">
        <v>93</v>
      </c>
      <c r="B83" s="5"/>
      <c r="C83" s="2"/>
      <c r="D83" s="2"/>
    </row>
    <row r="84" spans="1:5" s="3" customFormat="1" ht="26.25" x14ac:dyDescent="0.25">
      <c r="A84" s="1"/>
      <c r="B84" s="1"/>
      <c r="C84" s="6" t="s">
        <v>94</v>
      </c>
      <c r="D84" s="10"/>
    </row>
    <row r="85" spans="1:5" s="3" customFormat="1" x14ac:dyDescent="0.25">
      <c r="A85" s="1"/>
      <c r="B85" s="49" t="s">
        <v>95</v>
      </c>
      <c r="C85" s="49"/>
      <c r="D85" s="57"/>
      <c r="E85" s="58"/>
    </row>
    <row r="86" spans="1:5" s="3" customFormat="1" x14ac:dyDescent="0.25">
      <c r="A86" s="50" t="s">
        <v>96</v>
      </c>
      <c r="B86" s="50"/>
      <c r="C86" s="7"/>
      <c r="D86" s="7"/>
    </row>
    <row r="87" spans="1:5" s="3" customFormat="1" x14ac:dyDescent="0.25">
      <c r="A87" s="8"/>
      <c r="B87" s="9" t="s">
        <v>97</v>
      </c>
      <c r="C87" s="9"/>
      <c r="D87" s="9"/>
    </row>
    <row r="88" spans="1:5" s="3" customFormat="1" x14ac:dyDescent="0.25">
      <c r="A88" s="1"/>
      <c r="B88" s="1"/>
      <c r="C88" s="1"/>
      <c r="D88" s="1"/>
    </row>
  </sheetData>
  <sheetProtection algorithmName="SHA-512" hashValue="tiXid31PojRH6xWZxkYI5hXynV9zbU2FoKExqHBQi2lTmwY0zuyh4BGJu9CzOQdPGuvTqun0GXZAuJ9s2xMkHA==" saltValue="zw+BZquVjddqC5Y+Y/QTGg==" spinCount="100000" sheet="1" objects="1" scenarios="1"/>
  <mergeCells count="78">
    <mergeCell ref="B55:F55"/>
    <mergeCell ref="B49:F49"/>
    <mergeCell ref="B50:F50"/>
    <mergeCell ref="B51:F51"/>
    <mergeCell ref="B22:F22"/>
    <mergeCell ref="B23:F23"/>
    <mergeCell ref="A29:F29"/>
    <mergeCell ref="B24:F24"/>
    <mergeCell ref="B25:F25"/>
    <mergeCell ref="B26:F26"/>
    <mergeCell ref="B27:F27"/>
    <mergeCell ref="B28:F28"/>
    <mergeCell ref="B30:F30"/>
    <mergeCell ref="B31:F31"/>
    <mergeCell ref="B32:F32"/>
    <mergeCell ref="B40:F40"/>
    <mergeCell ref="B17:F17"/>
    <mergeCell ref="B18:F18"/>
    <mergeCell ref="B19:F19"/>
    <mergeCell ref="B20:F20"/>
    <mergeCell ref="B21:F21"/>
    <mergeCell ref="A10:F10"/>
    <mergeCell ref="A12:F13"/>
    <mergeCell ref="A14:F14"/>
    <mergeCell ref="A15:F15"/>
    <mergeCell ref="B16:F16"/>
    <mergeCell ref="B42:F42"/>
    <mergeCell ref="B33:F33"/>
    <mergeCell ref="B34:F34"/>
    <mergeCell ref="B35:F35"/>
    <mergeCell ref="B36:F36"/>
    <mergeCell ref="A41:F41"/>
    <mergeCell ref="B37:F37"/>
    <mergeCell ref="B38:F38"/>
    <mergeCell ref="B39:F39"/>
    <mergeCell ref="A61:F61"/>
    <mergeCell ref="A64:B64"/>
    <mergeCell ref="A65:B65"/>
    <mergeCell ref="B43:F43"/>
    <mergeCell ref="B44:F44"/>
    <mergeCell ref="B45:F45"/>
    <mergeCell ref="B47:F47"/>
    <mergeCell ref="B48:F48"/>
    <mergeCell ref="B56:F56"/>
    <mergeCell ref="B57:F57"/>
    <mergeCell ref="B58:F58"/>
    <mergeCell ref="B59:F59"/>
    <mergeCell ref="B46:F46"/>
    <mergeCell ref="B52:F52"/>
    <mergeCell ref="B53:F53"/>
    <mergeCell ref="B54:F54"/>
    <mergeCell ref="A71:B71"/>
    <mergeCell ref="A72:B72"/>
    <mergeCell ref="A73:B73"/>
    <mergeCell ref="A66:B66"/>
    <mergeCell ref="A67:B67"/>
    <mergeCell ref="A70:D70"/>
    <mergeCell ref="A79:B79"/>
    <mergeCell ref="A80:B80"/>
    <mergeCell ref="A74:B74"/>
    <mergeCell ref="A76:D76"/>
    <mergeCell ref="A77:B77"/>
    <mergeCell ref="B85:C85"/>
    <mergeCell ref="A86:B86"/>
    <mergeCell ref="C64:E64"/>
    <mergeCell ref="C65:E65"/>
    <mergeCell ref="C66:E66"/>
    <mergeCell ref="C67:E67"/>
    <mergeCell ref="C71:E71"/>
    <mergeCell ref="C72:E72"/>
    <mergeCell ref="C73:E73"/>
    <mergeCell ref="C74:E74"/>
    <mergeCell ref="C77:E77"/>
    <mergeCell ref="C78:E78"/>
    <mergeCell ref="C79:E79"/>
    <mergeCell ref="C80:E80"/>
    <mergeCell ref="D85:E85"/>
    <mergeCell ref="A78:B78"/>
  </mergeCells>
  <conditionalFormatting sqref="C64:C67">
    <cfRule type="containsBlanks" dxfId="8" priority="9">
      <formula>LEN(TRIM(C64))=0</formula>
    </cfRule>
  </conditionalFormatting>
  <conditionalFormatting sqref="B82:B83">
    <cfRule type="containsBlanks" dxfId="7" priority="8">
      <formula>LEN(TRIM(B82))=0</formula>
    </cfRule>
  </conditionalFormatting>
  <conditionalFormatting sqref="C71">
    <cfRule type="containsBlanks" dxfId="6" priority="7">
      <formula>LEN(TRIM(C71))=0</formula>
    </cfRule>
  </conditionalFormatting>
  <conditionalFormatting sqref="C72">
    <cfRule type="containsBlanks" dxfId="5" priority="6">
      <formula>LEN(TRIM(C72))=0</formula>
    </cfRule>
  </conditionalFormatting>
  <conditionalFormatting sqref="C73:C74">
    <cfRule type="containsBlanks" dxfId="4" priority="5">
      <formula>LEN(TRIM(C73))=0</formula>
    </cfRule>
  </conditionalFormatting>
  <conditionalFormatting sqref="D85">
    <cfRule type="containsBlanks" dxfId="3" priority="4">
      <formula>LEN(TRIM(D85))=0</formula>
    </cfRule>
  </conditionalFormatting>
  <conditionalFormatting sqref="C77">
    <cfRule type="containsBlanks" dxfId="2" priority="3">
      <formula>LEN(TRIM(C77))=0</formula>
    </cfRule>
  </conditionalFormatting>
  <conditionalFormatting sqref="C78">
    <cfRule type="containsBlanks" dxfId="1" priority="2">
      <formula>LEN(TRIM(C78))=0</formula>
    </cfRule>
  </conditionalFormatting>
  <conditionalFormatting sqref="C79:C80">
    <cfRule type="containsBlanks" dxfId="0" priority="1">
      <formula>LEN(TRIM(C79))=0</formula>
    </cfRule>
  </conditionalFormatting>
  <pageMargins left="0.7" right="0.7" top="0.75" bottom="0.75" header="0.3" footer="0.3"/>
  <pageSetup paperSize="9" scale="60" orientation="portrait" r:id="rId1"/>
  <headerFooter>
    <oddHeader>&amp;LPríloha č. 1
&amp;"-,Tučné"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1</vt:i4>
      </vt:variant>
    </vt:vector>
  </HeadingPairs>
  <TitlesOfParts>
    <vt:vector size="1" baseType="lpstr">
      <vt:lpstr>Hárok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dcterms:created xsi:type="dcterms:W3CDTF">2023-03-03T13:49:06Z</dcterms:created>
  <dcterms:modified xsi:type="dcterms:W3CDTF">2023-03-27T07:58:02Z</dcterms:modified>
</cp:coreProperties>
</file>